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uen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E742ACD6-FB79-81E0-9C0E-903E9B88863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63091" y="5210175"/>
            <a:ext cx="1585194" cy="148691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2F51FBEA-50D5-3A10-4F94-75BB081BE8C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29201" y="3925293"/>
            <a:ext cx="1585194" cy="148691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0-22T07:00:07Z</dcterms:modified>
</cp:coreProperties>
</file>